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75" r:id="rId5"/>
    <p:sldId id="271" r:id="rId6"/>
    <p:sldId id="283" r:id="rId7"/>
    <p:sldId id="284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E32FA"/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5AE8E31-81D0-4C83-8EC3-9A44E51A3217}" v="8" dt="2026-03-10T08:13:58.64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74" d="100"/>
          <a:sy n="74" d="100"/>
        </p:scale>
        <p:origin x="376" y="5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5/10/relationships/revisionInfo" Target="revisionInfo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3/10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3/10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3/10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10/03/2026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3/10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3/10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3/10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3/10/20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3/10/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3/10/20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3/10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3/10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3/10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8544861-AC2D-063F-45E0-85E3747DAB84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41113" y="63500"/>
            <a:ext cx="712787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Aptos" panose="020B000402020202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hyperlink" Target="https://www.iata.org/en/events/all/wfs--wps/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Relationship Id="rId4" Type="http://schemas.openxmlformats.org/officeDocument/2006/relationships/image" Target="../media/image5.sv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ackground Image">
            <a:extLst>
              <a:ext uri="{FF2B5EF4-FFF2-40B4-BE49-F238E27FC236}">
                <a16:creationId xmlns:a16="http://schemas.microsoft.com/office/drawing/2014/main" id="{4C8D5E7D-B7D0-956A-CC67-9F47B016CA29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4" b="114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2217865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FS/WPS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0563C1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WFS/WPS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website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6DD18609-7ECB-6C6F-98EC-9629CAF1A1EE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92"/>
          <a:stretch>
            <a:fillRect/>
          </a:stretch>
        </p:blipFill>
        <p:spPr>
          <a:xfrm>
            <a:off x="3517135" y="3717185"/>
            <a:ext cx="4923054" cy="2775689"/>
          </a:xfrm>
          <a:prstGeom prst="rect">
            <a:avLst/>
          </a:prstGeom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3303AF2B-FE19-9E54-C52D-1A9D0648D068}"/>
              </a:ext>
            </a:extLst>
          </p:cNvPr>
          <p:cNvGrpSpPr>
            <a:grpSpLocks noGrp="1" noUngrp="1" noRot="1" noMove="1" noResize="1"/>
          </p:cNvGrpSpPr>
          <p:nvPr/>
        </p:nvGrpSpPr>
        <p:grpSpPr>
          <a:xfrm>
            <a:off x="6977829" y="4186591"/>
            <a:ext cx="582267" cy="1087771"/>
            <a:chOff x="7847403" y="765422"/>
            <a:chExt cx="991737" cy="1979947"/>
          </a:xfrm>
        </p:grpSpPr>
        <p:sp>
          <p:nvSpPr>
            <p:cNvPr id="6" name="Freeform 5">
              <a:extLst>
                <a:ext uri="{FF2B5EF4-FFF2-40B4-BE49-F238E27FC236}">
                  <a16:creationId xmlns:a16="http://schemas.microsoft.com/office/drawing/2014/main" id="{0646FF60-E177-64EA-16A6-C9BBDFE99BF4}"/>
                </a:ext>
              </a:extLst>
            </p:cNvPr>
            <p:cNvSpPr>
              <a:spLocks noGrp="1" noRot="1" noMove="1" noResize="1" noEditPoints="1" noAdjustHandles="1" noChangeArrowheads="1" noChangeShapeType="1"/>
            </p:cNvSpPr>
            <p:nvPr/>
          </p:nvSpPr>
          <p:spPr bwMode="auto">
            <a:xfrm flipH="1">
              <a:off x="7848540" y="1758349"/>
              <a:ext cx="985838" cy="987020"/>
            </a:xfrm>
            <a:custGeom>
              <a:avLst/>
              <a:gdLst>
                <a:gd name="T0" fmla="*/ 0 w 3326"/>
                <a:gd name="T1" fmla="*/ 0 h 3330"/>
                <a:gd name="T2" fmla="*/ 0 w 3326"/>
                <a:gd name="T3" fmla="*/ 1665 h 3330"/>
                <a:gd name="T4" fmla="*/ 1109 w 3326"/>
                <a:gd name="T5" fmla="*/ 1665 h 3330"/>
                <a:gd name="T6" fmla="*/ 1109 w 3326"/>
                <a:gd name="T7" fmla="*/ 3330 h 3330"/>
                <a:gd name="T8" fmla="*/ 3326 w 3326"/>
                <a:gd name="T9" fmla="*/ 3330 h 3330"/>
                <a:gd name="T10" fmla="*/ 3326 w 3326"/>
                <a:gd name="T11" fmla="*/ 0 h 3330"/>
                <a:gd name="T12" fmla="*/ 0 w 3326"/>
                <a:gd name="T13" fmla="*/ 0 h 33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326" h="3330">
                  <a:moveTo>
                    <a:pt x="0" y="0"/>
                  </a:moveTo>
                  <a:lnTo>
                    <a:pt x="0" y="1665"/>
                  </a:lnTo>
                  <a:lnTo>
                    <a:pt x="1109" y="1665"/>
                  </a:lnTo>
                  <a:lnTo>
                    <a:pt x="1109" y="3330"/>
                  </a:lnTo>
                  <a:lnTo>
                    <a:pt x="3326" y="3330"/>
                  </a:lnTo>
                  <a:lnTo>
                    <a:pt x="332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B4E10ADC-0CE9-5F75-9776-6AF876309D45}"/>
                </a:ext>
              </a:extLst>
            </p:cNvPr>
            <p:cNvSpPr>
              <a:spLocks noGrp="1" noRot="1" noMove="1" noResize="1" noEditPoints="1" noAdjustHandles="1" noChangeArrowheads="1" noChangeShapeType="1"/>
            </p:cNvSpPr>
            <p:nvPr/>
          </p:nvSpPr>
          <p:spPr bwMode="auto">
            <a:xfrm>
              <a:off x="7847403" y="765422"/>
              <a:ext cx="991737" cy="992927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74478C6A-F47E-2CFF-20A6-C19B931F1800}"/>
                </a:ext>
              </a:extLst>
            </p:cNvPr>
            <p:cNvSpPr>
              <a:spLocks noGrp="1" noRot="1" noMove="1" noResize="1" noEditPoints="1" noAdjustHandles="1" noChangeArrowheads="1" noChangeShapeType="1"/>
            </p:cNvSpPr>
            <p:nvPr/>
          </p:nvSpPr>
          <p:spPr bwMode="auto">
            <a:xfrm rot="16200000">
              <a:off x="8226253" y="1301379"/>
              <a:ext cx="230410" cy="460406"/>
            </a:xfrm>
            <a:custGeom>
              <a:avLst/>
              <a:gdLst>
                <a:gd name="connsiteX0" fmla="*/ 270676 w 270676"/>
                <a:gd name="connsiteY0" fmla="*/ 0 h 540866"/>
                <a:gd name="connsiteX1" fmla="*/ 270676 w 270676"/>
                <a:gd name="connsiteY1" fmla="*/ 270352 h 540866"/>
                <a:gd name="connsiteX2" fmla="*/ 270514 w 270676"/>
                <a:gd name="connsiteY2" fmla="*/ 270352 h 540866"/>
                <a:gd name="connsiteX3" fmla="*/ 270514 w 270676"/>
                <a:gd name="connsiteY3" fmla="*/ 274419 h 540866"/>
                <a:gd name="connsiteX4" fmla="*/ 270514 w 270676"/>
                <a:gd name="connsiteY4" fmla="*/ 540866 h 540866"/>
                <a:gd name="connsiteX5" fmla="*/ 5653 w 270676"/>
                <a:gd name="connsiteY5" fmla="*/ 324752 h 540866"/>
                <a:gd name="connsiteX6" fmla="*/ 178 w 270676"/>
                <a:gd name="connsiteY6" fmla="*/ 270352 h 540866"/>
                <a:gd name="connsiteX7" fmla="*/ 0 w 270676"/>
                <a:gd name="connsiteY7" fmla="*/ 270352 h 540866"/>
                <a:gd name="connsiteX8" fmla="*/ 270676 w 270676"/>
                <a:gd name="connsiteY8" fmla="*/ 0 h 5408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0676" h="540866">
                  <a:moveTo>
                    <a:pt x="270676" y="0"/>
                  </a:moveTo>
                  <a:lnTo>
                    <a:pt x="270676" y="270352"/>
                  </a:lnTo>
                  <a:lnTo>
                    <a:pt x="270514" y="270352"/>
                  </a:lnTo>
                  <a:lnTo>
                    <a:pt x="270514" y="274419"/>
                  </a:lnTo>
                  <a:cubicBezTo>
                    <a:pt x="270514" y="287107"/>
                    <a:pt x="270514" y="337859"/>
                    <a:pt x="270514" y="540866"/>
                  </a:cubicBezTo>
                  <a:cubicBezTo>
                    <a:pt x="139832" y="540866"/>
                    <a:pt x="30855" y="448114"/>
                    <a:pt x="5653" y="324752"/>
                  </a:cubicBezTo>
                  <a:lnTo>
                    <a:pt x="178" y="270352"/>
                  </a:lnTo>
                  <a:lnTo>
                    <a:pt x="0" y="270352"/>
                  </a:lnTo>
                  <a:cubicBezTo>
                    <a:pt x="0" y="121001"/>
                    <a:pt x="121146" y="0"/>
                    <a:pt x="270676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ackground Image">
            <a:extLst>
              <a:ext uri="{FF2B5EF4-FFF2-40B4-BE49-F238E27FC236}">
                <a16:creationId xmlns:a16="http://schemas.microsoft.com/office/drawing/2014/main" id="{2927E01C-FF64-5A5C-A84F-9804CFA5489C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2" b="102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Rectangle">
            <a:extLst>
              <a:ext uri="{FF2B5EF4-FFF2-40B4-BE49-F238E27FC236}">
                <a16:creationId xmlns:a16="http://schemas.microsoft.com/office/drawing/2014/main" id="{079F64D7-340F-EA37-4C64-D143E709C81B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" name="Text">
            <a:extLst>
              <a:ext uri="{FF2B5EF4-FFF2-40B4-BE49-F238E27FC236}">
                <a16:creationId xmlns:a16="http://schemas.microsoft.com/office/drawing/2014/main" id="{3A105775-6AA6-1786-2231-20569B1F5559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254021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</a:t>
            </a:r>
            <a:r>
              <a:rPr lang="fr-FR" sz="1800" b="1" dirty="0" err="1">
                <a:latin typeface="Aktiv Grotesk" panose="020B0504020202020204"/>
              </a:rPr>
              <a:t>your</a:t>
            </a:r>
            <a:r>
              <a:rPr lang="fr-FR" sz="1800" b="1" dirty="0">
                <a:latin typeface="Aktiv Grotesk" panose="020B0504020202020204"/>
              </a:rPr>
              <a:t> message </a:t>
            </a:r>
            <a:r>
              <a:rPr lang="fr-FR" sz="1800" b="1" dirty="0" err="1">
                <a:latin typeface="Aktiv Grotesk" panose="020B0504020202020204"/>
              </a:rPr>
              <a:t>here</a:t>
            </a:r>
            <a:r>
              <a:rPr lang="fr-FR" sz="1800" b="1" dirty="0">
                <a:latin typeface="Aktiv Grotesk" panose="020B0504020202020204"/>
              </a:rPr>
              <a:t>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</a:t>
            </a:r>
            <a:r>
              <a:rPr lang="fr-FR" sz="1800" dirty="0" err="1">
                <a:latin typeface="Aktiv Grotesk" panose="020B0504020202020204"/>
              </a:rPr>
              <a:t>add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name</a:t>
            </a:r>
            <a:r>
              <a:rPr lang="fr-FR" sz="1800" dirty="0">
                <a:latin typeface="Aktiv Grotesk" panose="020B0504020202020204"/>
              </a:rPr>
              <a:t>,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session or </a:t>
            </a:r>
            <a:r>
              <a:rPr lang="fr-FR" sz="1800" dirty="0" err="1">
                <a:latin typeface="Aktiv Grotesk" panose="020B0504020202020204"/>
              </a:rPr>
              <a:t>any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othe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ording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ish</a:t>
            </a:r>
            <a:r>
              <a:rPr lang="fr-FR" sz="1800" dirty="0">
                <a:latin typeface="Aktiv Grotesk" panose="020B0504020202020204"/>
              </a:rPr>
              <a:t>. </a:t>
            </a:r>
            <a:r>
              <a:rPr lang="fr-FR" sz="1800" dirty="0" err="1">
                <a:latin typeface="Aktiv Grotesk" panose="020B0504020202020204"/>
              </a:rPr>
              <a:t>Reduce</a:t>
            </a:r>
            <a:r>
              <a:rPr lang="fr-FR" sz="1800" dirty="0">
                <a:latin typeface="Aktiv Grotesk" panose="020B0504020202020204"/>
              </a:rPr>
              <a:t> font size as </a:t>
            </a:r>
            <a:r>
              <a:rPr lang="fr-FR" sz="1800" dirty="0" err="1">
                <a:latin typeface="Aktiv Grotesk" panose="020B0504020202020204"/>
              </a:rPr>
              <a:t>needed</a:t>
            </a:r>
            <a:r>
              <a:rPr lang="fr-FR" sz="1800" dirty="0">
                <a:latin typeface="Aktiv Grotesk" panose="020B0504020202020204"/>
              </a:rPr>
              <a:t>.</a:t>
            </a:r>
          </a:p>
        </p:txBody>
      </p:sp>
      <p:sp>
        <p:nvSpPr>
          <p:cNvPr id="12" name="Picture Placeholder">
            <a:extLst>
              <a:ext uri="{FF2B5EF4-FFF2-40B4-BE49-F238E27FC236}">
                <a16:creationId xmlns:a16="http://schemas.microsoft.com/office/drawing/2014/main" id="{A06C65EB-7429-9450-173F-C3836F1C0A17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873854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Background Image">
            <a:extLst>
              <a:ext uri="{FF2B5EF4-FFF2-40B4-BE49-F238E27FC236}">
                <a16:creationId xmlns:a16="http://schemas.microsoft.com/office/drawing/2014/main" id="{29CEA9E1-1861-6E0E-95C3-8F1FA076C3F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 l="78" r="78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630800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6176B743F351C74AB825DAE7E0479947" ma:contentTypeVersion="9" ma:contentTypeDescription="Create a new document." ma:contentTypeScope="" ma:versionID="4e7f4cc1ea5b38967446c05ddce6a68a">
  <xsd:schema xmlns:xsd="http://www.w3.org/2001/XMLSchema" xmlns:xs="http://www.w3.org/2001/XMLSchema" xmlns:p="http://schemas.microsoft.com/office/2006/metadata/properties" xmlns:ns2="56dcfe90-8a20-4f5e-89d4-8d4d0a76620d" xmlns:ns3="698b395e-a054-466c-87d8-213ba31286e5" targetNamespace="http://schemas.microsoft.com/office/2006/metadata/properties" ma:root="true" ma:fieldsID="1f0344b88b99131685c729bfc464a998" ns2:_="" ns3:_="">
    <xsd:import namespace="56dcfe90-8a20-4f5e-89d4-8d4d0a76620d"/>
    <xsd:import namespace="698b395e-a054-466c-87d8-213ba31286e5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DateTaken" minOccurs="0"/>
                <xsd:element ref="ns2:lcf76f155ced4ddcb4097134ff3c332f" minOccurs="0"/>
                <xsd:element ref="ns3:TaxCatchAll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6dcfe90-8a20-4f5e-89d4-8d4d0a76620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DateTaken" ma:index="11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lcf76f155ced4ddcb4097134ff3c332f" ma:index="13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98b395e-a054-466c-87d8-213ba31286e5" elementFormDefault="qualified">
    <xsd:import namespace="http://schemas.microsoft.com/office/2006/documentManagement/types"/>
    <xsd:import namespace="http://schemas.microsoft.com/office/infopath/2007/PartnerControls"/>
    <xsd:element name="TaxCatchAll" ma:index="14" nillable="true" ma:displayName="Taxonomy Catch All Column" ma:hidden="true" ma:list="{7113fe1a-0778-4bc7-957c-eca8b10ff82f}" ma:internalName="TaxCatchAll" ma:showField="CatchAllData" ma:web="698b395e-a054-466c-87d8-213ba31286e5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698b395e-a054-466c-87d8-213ba31286e5" xsi:nil="true"/>
    <lcf76f155ced4ddcb4097134ff3c332f xmlns="56dcfe90-8a20-4f5e-89d4-8d4d0a76620d">
      <Terms xmlns="http://schemas.microsoft.com/office/infopath/2007/PartnerControls"/>
    </lcf76f155ced4ddcb4097134ff3c332f>
  </documentManagement>
</p:properties>
</file>

<file path=customXml/itemProps1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C278724F-097D-4DC8-B3D1-C1DAAD753139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56dcfe90-8a20-4f5e-89d4-8d4d0a76620d"/>
    <ds:schemaRef ds:uri="698b395e-a054-466c-87d8-213ba31286e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B34183C6-7270-4AC2-9CD2-45B68A49FD3D}">
  <ds:schemaRefs>
    <ds:schemaRef ds:uri="http://schemas.microsoft.com/office/2006/documentManagement/types"/>
    <ds:schemaRef ds:uri="698b395e-a054-466c-87d8-213ba31286e5"/>
    <ds:schemaRef ds:uri="http://purl.org/dc/elements/1.1/"/>
    <ds:schemaRef ds:uri="56dcfe90-8a20-4f5e-89d4-8d4d0a76620d"/>
    <ds:schemaRef ds:uri="http://purl.org/dc/dcmitype/"/>
    <ds:schemaRef ds:uri="http://schemas.microsoft.com/office/infopath/2007/PartnerControls"/>
    <ds:schemaRef ds:uri="http://purl.org/dc/terms/"/>
    <ds:schemaRef ds:uri="http://schemas.openxmlformats.org/package/2006/metadata/core-properties"/>
    <ds:schemaRef ds:uri="http://schemas.microsoft.com/office/2006/metadata/properties"/>
    <ds:schemaRef ds:uri="http://www.w3.org/XML/1998/namespace"/>
  </ds:schemaRefs>
</ds:datastoreItem>
</file>

<file path=docMetadata/LabelInfo.xml><?xml version="1.0" encoding="utf-8"?>
<clbl:labelList xmlns:clbl="http://schemas.microsoft.com/office/2020/mipLabelMetadata">
  <clbl:label id="{44ae014c-8170-484b-8a8e-3a6b842e2604}" enabled="1" method="Standard" siteId="{ad221784-72a8-4263-ac86-0ccc6b152cd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5</Words>
  <Application>Microsoft Office PowerPoint</Application>
  <PresentationFormat>Widescreen</PresentationFormat>
  <Paragraphs>8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1" baseType="lpstr">
      <vt:lpstr>Aktiv Grotesk</vt:lpstr>
      <vt:lpstr>Aptos</vt:lpstr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ds2025-promokit</dc:title>
  <dc:creator>Christine Murphy</dc:creator>
  <cp:lastModifiedBy>Kristabela Garnace</cp:lastModifiedBy>
  <cp:revision>5</cp:revision>
  <dcterms:created xsi:type="dcterms:W3CDTF">2023-06-13T12:34:15Z</dcterms:created>
  <dcterms:modified xsi:type="dcterms:W3CDTF">2026-03-10T10:26:5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6176B743F351C74AB825DAE7E0479947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  <property fmtid="{D5CDD505-2E9C-101B-9397-08002B2CF9AE}" pid="11" name="ClassificationContentMarkingHeaderLocations">
    <vt:lpwstr>Office Theme:8</vt:lpwstr>
  </property>
  <property fmtid="{D5CDD505-2E9C-101B-9397-08002B2CF9AE}" pid="12" name="ClassificationContentMarkingHeaderText">
    <vt:lpwstr>Unrestricted</vt:lpwstr>
  </property>
</Properties>
</file>